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231"/>
  <workbookPr/>
  <mc:AlternateContent xmlns:mc="http://schemas.openxmlformats.org/markup-compatibility/2006">
    <mc:Choice Requires="x15">
      <x15ac:absPath xmlns:x15ac="http://schemas.microsoft.com/office/spreadsheetml/2010/11/ac" url="C:\Users\User\Desktop\PSP\_Pierson1\s10\KaraDB\csv\Excell2\1\"/>
    </mc:Choice>
  </mc:AlternateContent>
  <xr:revisionPtr revIDLastSave="0" documentId="13_ncr:1_{A3F7DFF6-A7D6-4A37-B1F0-1CEF19C21A39}" xr6:coauthVersionLast="47" xr6:coauthVersionMax="47" xr10:uidLastSave="{00000000-0000-0000-0000-000000000000}"/>
  <bookViews>
    <workbookView xWindow="7995" yWindow="3045" windowWidth="28800" windowHeight="12750" activeTab="1" xr2:uid="{00000000-000D-0000-FFFF-FFFF00000000}"/>
  </bookViews>
  <sheets>
    <sheet name="ReportSetting" sheetId="1" r:id="rId1"/>
    <sheet name="Sheet1" sheetId="2" r:id="rId2"/>
  </sheets>
  <calcPr calcId="0"/>
</workbook>
</file>

<file path=xl/sharedStrings.xml><?xml version="1.0" encoding="utf-8"?>
<sst xmlns="http://schemas.openxmlformats.org/spreadsheetml/2006/main" count="88" uniqueCount="33">
  <si>
    <t>ID</t>
    <phoneticPr fontId="18"/>
  </si>
  <si>
    <t>TERMINATOR</t>
    <phoneticPr fontId="18"/>
  </si>
  <si>
    <t>MAX_LENGTH</t>
    <phoneticPr fontId="18"/>
  </si>
  <si>
    <t>COLLATION</t>
    <phoneticPr fontId="18"/>
  </si>
  <si>
    <t>SOURCE</t>
    <phoneticPr fontId="18"/>
  </si>
  <si>
    <t>NAME</t>
    <phoneticPr fontId="18"/>
  </si>
  <si>
    <t>,</t>
  </si>
  <si>
    <t>Japanese_CI_AS</t>
  </si>
  <si>
    <t>\r\n</t>
  </si>
  <si>
    <t>Uriage1</t>
  </si>
  <si>
    <t>Uriage2</t>
  </si>
  <si>
    <t>Uriage3</t>
  </si>
  <si>
    <t>Nyukai</t>
  </si>
  <si>
    <t>OutSales1</t>
  </si>
  <si>
    <t>OutSales2</t>
  </si>
  <si>
    <t>OutSales3</t>
  </si>
  <si>
    <t>ChargeSales1</t>
  </si>
  <si>
    <t>ChargeSales2</t>
  </si>
  <si>
    <t>ChargeSales3</t>
  </si>
  <si>
    <t>CSPlan1</t>
  </si>
  <si>
    <t>CSPlan2</t>
  </si>
  <si>
    <t>CSPlan3</t>
  </si>
  <si>
    <t>Jyunbi</t>
  </si>
  <si>
    <t>Uriage4</t>
  </si>
  <si>
    <t>Uriage5</t>
  </si>
  <si>
    <t>Uriage6</t>
  </si>
  <si>
    <t>OutSales4</t>
  </si>
  <si>
    <t>OutSales5</t>
  </si>
  <si>
    <t>OutSales6</t>
  </si>
  <si>
    <t>ChargeSales4</t>
  </si>
  <si>
    <t>ChargeSales5</t>
  </si>
  <si>
    <t>ChargeSales6</t>
  </si>
  <si>
    <t>TimeSubTota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theme="4" tint="0.79998168889431442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4">
    <xf numFmtId="0" fontId="0" fillId="0" borderId="0" xfId="0">
      <alignment vertical="center"/>
    </xf>
    <xf numFmtId="49" fontId="0" fillId="0" borderId="0" xfId="0" applyNumberFormat="1">
      <alignment vertical="center"/>
    </xf>
    <xf numFmtId="49" fontId="0" fillId="33" borderId="10" xfId="0" applyNumberFormat="1" applyFill="1" applyBorder="1">
      <alignment vertical="center"/>
    </xf>
    <xf numFmtId="49" fontId="0" fillId="0" borderId="10" xfId="0" applyNumberFormat="1" applyBorder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00000000-000C-0000-FFFF-FFFF00000000}" name="テーブル1" displayName="テーブル1" ref="A1:F49" totalsRowShown="0">
  <autoFilter ref="A1:F49" xr:uid="{00000000-0009-0000-0100-000001000000}"/>
  <tableColumns count="6">
    <tableColumn id="1" xr3:uid="{00000000-0010-0000-0000-000001000000}" name="ID"/>
    <tableColumn id="2" xr3:uid="{00000000-0010-0000-0000-000002000000}" name="TERMINATOR"/>
    <tableColumn id="3" xr3:uid="{00000000-0010-0000-0000-000003000000}" name="MAX_LENGTH"/>
    <tableColumn id="4" xr3:uid="{00000000-0010-0000-0000-000004000000}" name="COLLATION"/>
    <tableColumn id="5" xr3:uid="{00000000-0010-0000-0000-000005000000}" name="SOURCE"/>
    <tableColumn id="6" xr3:uid="{00000000-0010-0000-0000-000006000000}" name="NAME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BV2"/>
  <sheetViews>
    <sheetView workbookViewId="0">
      <selection sqref="A1:Z1"/>
    </sheetView>
  </sheetViews>
  <sheetFormatPr defaultRowHeight="18.75" x14ac:dyDescent="0.4"/>
  <sheetData>
    <row r="1" spans="1:74" x14ac:dyDescent="0.4">
      <c r="A1" s="2" t="s">
        <v>9</v>
      </c>
      <c r="B1" s="3" t="s">
        <v>10</v>
      </c>
      <c r="C1" s="2" t="s">
        <v>11</v>
      </c>
      <c r="D1" s="3" t="s">
        <v>12</v>
      </c>
      <c r="E1" s="2" t="s">
        <v>13</v>
      </c>
      <c r="F1" s="3" t="s">
        <v>14</v>
      </c>
      <c r="G1" s="2" t="s">
        <v>15</v>
      </c>
      <c r="H1" s="3" t="s">
        <v>16</v>
      </c>
      <c r="I1" s="2" t="s">
        <v>17</v>
      </c>
      <c r="J1" s="3" t="s">
        <v>18</v>
      </c>
      <c r="K1" s="2" t="s">
        <v>19</v>
      </c>
      <c r="L1" s="3" t="s">
        <v>20</v>
      </c>
      <c r="M1" s="2" t="s">
        <v>21</v>
      </c>
      <c r="N1" s="3" t="s">
        <v>22</v>
      </c>
      <c r="O1" s="2" t="s">
        <v>23</v>
      </c>
      <c r="P1" s="3" t="s">
        <v>24</v>
      </c>
      <c r="Q1" s="2" t="s">
        <v>25</v>
      </c>
      <c r="R1" s="3" t="s">
        <v>26</v>
      </c>
      <c r="S1" s="2" t="s">
        <v>27</v>
      </c>
      <c r="T1" s="3" t="s">
        <v>28</v>
      </c>
      <c r="U1" s="2" t="s">
        <v>29</v>
      </c>
      <c r="V1" s="3" t="s">
        <v>30</v>
      </c>
      <c r="W1" s="2" t="s">
        <v>31</v>
      </c>
      <c r="X1" s="3" t="s">
        <v>32</v>
      </c>
    </row>
    <row r="2" spans="1:74" x14ac:dyDescent="0.4">
      <c r="A2">
        <v>1</v>
      </c>
      <c r="B2">
        <v>0</v>
      </c>
      <c r="C2">
        <v>0</v>
      </c>
      <c r="D2">
        <v>0</v>
      </c>
      <c r="E2">
        <v>-1</v>
      </c>
      <c r="F2">
        <v>-1</v>
      </c>
      <c r="G2">
        <v>-1</v>
      </c>
      <c r="H2">
        <v>-1</v>
      </c>
      <c r="I2">
        <v>-1</v>
      </c>
      <c r="J2">
        <v>-1</v>
      </c>
      <c r="K2">
        <v>-1</v>
      </c>
      <c r="L2">
        <v>-1</v>
      </c>
      <c r="M2">
        <v>-1</v>
      </c>
      <c r="N2">
        <v>-1</v>
      </c>
      <c r="O2">
        <v>-1</v>
      </c>
      <c r="P2">
        <v>-1</v>
      </c>
      <c r="Q2">
        <v>-1</v>
      </c>
      <c r="R2">
        <v>-1</v>
      </c>
      <c r="S2">
        <v>-1</v>
      </c>
      <c r="T2">
        <v>0</v>
      </c>
      <c r="U2">
        <v>0</v>
      </c>
      <c r="V2">
        <v>0</v>
      </c>
      <c r="W2">
        <v>-1</v>
      </c>
      <c r="X2">
        <v>-1</v>
      </c>
      <c r="Y2">
        <v>-1</v>
      </c>
      <c r="Z2">
        <v>-1</v>
      </c>
      <c r="AA2">
        <v>-1</v>
      </c>
      <c r="AB2">
        <v>-1</v>
      </c>
      <c r="AC2">
        <v>-1</v>
      </c>
      <c r="AD2">
        <v>-1</v>
      </c>
      <c r="AE2">
        <v>-1</v>
      </c>
      <c r="AF2">
        <v>-1</v>
      </c>
      <c r="AG2">
        <v>-1</v>
      </c>
      <c r="AH2">
        <v>-1</v>
      </c>
      <c r="AI2">
        <v>-1</v>
      </c>
      <c r="AJ2">
        <v>-1</v>
      </c>
      <c r="AK2">
        <v>-1</v>
      </c>
      <c r="AL2">
        <v>-1</v>
      </c>
      <c r="AM2">
        <v>-1</v>
      </c>
      <c r="AN2">
        <v>-1</v>
      </c>
      <c r="AO2">
        <v>-1</v>
      </c>
      <c r="AP2">
        <v>-1</v>
      </c>
      <c r="AQ2">
        <v>-1</v>
      </c>
      <c r="AR2">
        <v>-1</v>
      </c>
      <c r="AS2">
        <v>-1</v>
      </c>
      <c r="AT2">
        <v>-1</v>
      </c>
      <c r="AU2">
        <v>-1</v>
      </c>
      <c r="AV2">
        <v>-1</v>
      </c>
      <c r="AW2">
        <v>-1</v>
      </c>
      <c r="AX2">
        <v>-1</v>
      </c>
      <c r="AY2">
        <v>-1</v>
      </c>
      <c r="AZ2">
        <v>-1</v>
      </c>
      <c r="BA2">
        <v>50000</v>
      </c>
      <c r="BB2">
        <v>0</v>
      </c>
      <c r="BC2">
        <v>0</v>
      </c>
      <c r="BD2">
        <v>0</v>
      </c>
      <c r="BE2">
        <v>-1</v>
      </c>
      <c r="BF2">
        <v>-1</v>
      </c>
      <c r="BG2">
        <v>-1</v>
      </c>
      <c r="BH2">
        <v>-1</v>
      </c>
      <c r="BI2">
        <v>-1</v>
      </c>
      <c r="BJ2">
        <v>-1</v>
      </c>
      <c r="BK2">
        <v>-1</v>
      </c>
      <c r="BL2">
        <v>-1</v>
      </c>
      <c r="BM2">
        <v>-1</v>
      </c>
      <c r="BN2">
        <v>-1</v>
      </c>
      <c r="BO2">
        <v>-1</v>
      </c>
      <c r="BP2">
        <v>-1</v>
      </c>
      <c r="BQ2">
        <v>-1</v>
      </c>
      <c r="BR2">
        <v>-1</v>
      </c>
      <c r="BS2">
        <v>-1</v>
      </c>
      <c r="BT2">
        <v>0</v>
      </c>
      <c r="BU2">
        <v>0</v>
      </c>
      <c r="BV2">
        <v>0</v>
      </c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F49"/>
  <sheetViews>
    <sheetView tabSelected="1" topLeftCell="A43" workbookViewId="0">
      <selection activeCell="C54" sqref="C54"/>
    </sheetView>
  </sheetViews>
  <sheetFormatPr defaultRowHeight="18.75" x14ac:dyDescent="0.4"/>
  <sheetData>
    <row r="1" spans="1:6" x14ac:dyDescent="0.4">
      <c r="A1" t="s">
        <v>0</v>
      </c>
      <c r="B1" t="s">
        <v>1</v>
      </c>
      <c r="C1" t="s">
        <v>2</v>
      </c>
      <c r="D1" t="s">
        <v>3</v>
      </c>
      <c r="E1" t="s">
        <v>4</v>
      </c>
      <c r="F1" t="s">
        <v>5</v>
      </c>
    </row>
    <row r="2" spans="1:6" x14ac:dyDescent="0.4">
      <c r="A2">
        <v>1</v>
      </c>
      <c r="B2" s="1" t="s">
        <v>6</v>
      </c>
      <c r="C2">
        <v>12</v>
      </c>
      <c r="D2" s="1"/>
      <c r="F2" s="1"/>
    </row>
    <row r="3" spans="1:6" x14ac:dyDescent="0.4">
      <c r="A3">
        <v>2</v>
      </c>
      <c r="B3" s="1" t="s">
        <v>6</v>
      </c>
      <c r="C3">
        <v>12</v>
      </c>
      <c r="D3" s="1"/>
      <c r="F3" s="1"/>
    </row>
    <row r="4" spans="1:6" x14ac:dyDescent="0.4">
      <c r="A4">
        <v>3</v>
      </c>
      <c r="B4" s="1" t="s">
        <v>6</v>
      </c>
      <c r="C4">
        <v>12</v>
      </c>
      <c r="D4" s="1"/>
      <c r="F4" s="1"/>
    </row>
    <row r="5" spans="1:6" x14ac:dyDescent="0.4">
      <c r="A5">
        <v>4</v>
      </c>
      <c r="B5" s="1" t="s">
        <v>6</v>
      </c>
      <c r="C5">
        <v>12</v>
      </c>
      <c r="D5" s="1"/>
      <c r="F5" s="1"/>
    </row>
    <row r="6" spans="1:6" x14ac:dyDescent="0.4">
      <c r="A6">
        <v>5</v>
      </c>
      <c r="B6" s="1" t="s">
        <v>6</v>
      </c>
      <c r="C6">
        <v>50</v>
      </c>
      <c r="D6" s="1" t="s">
        <v>7</v>
      </c>
      <c r="F6" s="1"/>
    </row>
    <row r="7" spans="1:6" x14ac:dyDescent="0.4">
      <c r="A7">
        <v>6</v>
      </c>
      <c r="B7" s="1" t="s">
        <v>6</v>
      </c>
      <c r="C7">
        <v>50</v>
      </c>
      <c r="D7" s="1" t="s">
        <v>7</v>
      </c>
      <c r="F7" s="1"/>
    </row>
    <row r="8" spans="1:6" x14ac:dyDescent="0.4">
      <c r="A8">
        <v>7</v>
      </c>
      <c r="B8" s="1" t="s">
        <v>6</v>
      </c>
      <c r="C8">
        <v>50</v>
      </c>
      <c r="D8" s="1" t="s">
        <v>7</v>
      </c>
      <c r="F8" s="1"/>
    </row>
    <row r="9" spans="1:6" x14ac:dyDescent="0.4">
      <c r="A9">
        <v>8</v>
      </c>
      <c r="B9" s="1" t="s">
        <v>6</v>
      </c>
      <c r="C9">
        <v>12</v>
      </c>
      <c r="D9" s="1"/>
      <c r="F9" s="1"/>
    </row>
    <row r="10" spans="1:6" x14ac:dyDescent="0.4">
      <c r="A10">
        <v>9</v>
      </c>
      <c r="B10" s="1" t="s">
        <v>6</v>
      </c>
      <c r="C10">
        <v>12</v>
      </c>
      <c r="D10" s="1"/>
      <c r="F10" s="1"/>
    </row>
    <row r="11" spans="1:6" x14ac:dyDescent="0.4">
      <c r="A11">
        <v>10</v>
      </c>
      <c r="B11" s="1" t="s">
        <v>6</v>
      </c>
      <c r="C11">
        <v>12</v>
      </c>
      <c r="D11" s="1"/>
      <c r="F11" s="1"/>
    </row>
    <row r="12" spans="1:6" x14ac:dyDescent="0.4">
      <c r="A12">
        <v>11</v>
      </c>
      <c r="B12" s="1" t="s">
        <v>6</v>
      </c>
      <c r="C12">
        <v>50</v>
      </c>
      <c r="D12" s="1" t="s">
        <v>7</v>
      </c>
      <c r="F12" s="1"/>
    </row>
    <row r="13" spans="1:6" x14ac:dyDescent="0.4">
      <c r="A13">
        <v>12</v>
      </c>
      <c r="B13" s="1" t="s">
        <v>6</v>
      </c>
      <c r="C13">
        <v>50</v>
      </c>
      <c r="D13" s="1" t="s">
        <v>7</v>
      </c>
      <c r="F13" s="1"/>
    </row>
    <row r="14" spans="1:6" x14ac:dyDescent="0.4">
      <c r="A14">
        <v>13</v>
      </c>
      <c r="B14" s="1" t="s">
        <v>6</v>
      </c>
      <c r="C14">
        <v>50</v>
      </c>
      <c r="D14" s="1" t="s">
        <v>7</v>
      </c>
      <c r="F14" s="1"/>
    </row>
    <row r="15" spans="1:6" x14ac:dyDescent="0.4">
      <c r="A15">
        <v>14</v>
      </c>
      <c r="B15" s="1" t="s">
        <v>6</v>
      </c>
      <c r="C15">
        <v>30</v>
      </c>
      <c r="D15" s="1"/>
      <c r="F15" s="1"/>
    </row>
    <row r="16" spans="1:6" x14ac:dyDescent="0.4">
      <c r="A16">
        <v>15</v>
      </c>
      <c r="B16" s="1" t="s">
        <v>6</v>
      </c>
      <c r="C16">
        <v>12</v>
      </c>
      <c r="D16" s="1"/>
      <c r="F16" s="1"/>
    </row>
    <row r="17" spans="1:6" x14ac:dyDescent="0.4">
      <c r="A17">
        <v>16</v>
      </c>
      <c r="B17" s="1" t="s">
        <v>6</v>
      </c>
      <c r="C17">
        <v>12</v>
      </c>
      <c r="D17" s="1"/>
      <c r="F17" s="1"/>
    </row>
    <row r="18" spans="1:6" x14ac:dyDescent="0.4">
      <c r="A18">
        <v>17</v>
      </c>
      <c r="B18" s="1" t="s">
        <v>6</v>
      </c>
      <c r="C18">
        <v>12</v>
      </c>
      <c r="D18" s="1"/>
      <c r="F18" s="1"/>
    </row>
    <row r="19" spans="1:6" x14ac:dyDescent="0.4">
      <c r="A19">
        <v>18</v>
      </c>
      <c r="B19" s="1" t="s">
        <v>6</v>
      </c>
      <c r="C19">
        <v>50</v>
      </c>
      <c r="D19" s="1" t="s">
        <v>7</v>
      </c>
      <c r="F19" s="1"/>
    </row>
    <row r="20" spans="1:6" x14ac:dyDescent="0.4">
      <c r="A20">
        <v>19</v>
      </c>
      <c r="B20" s="1" t="s">
        <v>6</v>
      </c>
      <c r="C20">
        <v>50</v>
      </c>
      <c r="D20" s="1" t="s">
        <v>7</v>
      </c>
      <c r="F20" s="1"/>
    </row>
    <row r="21" spans="1:6" x14ac:dyDescent="0.4">
      <c r="A21">
        <v>20</v>
      </c>
      <c r="B21" s="1" t="s">
        <v>6</v>
      </c>
      <c r="C21">
        <v>50</v>
      </c>
      <c r="D21" s="1" t="s">
        <v>7</v>
      </c>
      <c r="F21" s="1"/>
    </row>
    <row r="22" spans="1:6" x14ac:dyDescent="0.4">
      <c r="A22">
        <v>21</v>
      </c>
      <c r="B22" s="1" t="s">
        <v>6</v>
      </c>
      <c r="C22">
        <v>12</v>
      </c>
      <c r="D22" s="1"/>
      <c r="F22" s="1"/>
    </row>
    <row r="23" spans="1:6" x14ac:dyDescent="0.4">
      <c r="A23">
        <v>22</v>
      </c>
      <c r="B23" s="1" t="s">
        <v>6</v>
      </c>
      <c r="C23">
        <v>12</v>
      </c>
      <c r="D23" s="1"/>
      <c r="F23" s="1"/>
    </row>
    <row r="24" spans="1:6" x14ac:dyDescent="0.4">
      <c r="A24">
        <v>23</v>
      </c>
      <c r="B24" s="1" t="s">
        <v>6</v>
      </c>
      <c r="C24">
        <v>12</v>
      </c>
      <c r="D24" s="1"/>
      <c r="F24" s="1"/>
    </row>
    <row r="25" spans="1:6" x14ac:dyDescent="0.4">
      <c r="A25">
        <v>24</v>
      </c>
      <c r="B25" s="1" t="s">
        <v>8</v>
      </c>
      <c r="C25">
        <v>30</v>
      </c>
      <c r="D25" s="1" t="s">
        <v>7</v>
      </c>
      <c r="F25" s="1"/>
    </row>
    <row r="26" spans="1:6" x14ac:dyDescent="0.4">
      <c r="B26" s="1"/>
      <c r="D26" s="1"/>
      <c r="E26">
        <v>1</v>
      </c>
      <c r="F26" s="1" t="s">
        <v>9</v>
      </c>
    </row>
    <row r="27" spans="1:6" x14ac:dyDescent="0.4">
      <c r="B27" s="1"/>
      <c r="D27" s="1"/>
      <c r="E27">
        <v>2</v>
      </c>
      <c r="F27" s="1" t="s">
        <v>10</v>
      </c>
    </row>
    <row r="28" spans="1:6" x14ac:dyDescent="0.4">
      <c r="B28" s="1"/>
      <c r="D28" s="1"/>
      <c r="E28">
        <v>3</v>
      </c>
      <c r="F28" s="1" t="s">
        <v>11</v>
      </c>
    </row>
    <row r="29" spans="1:6" x14ac:dyDescent="0.4">
      <c r="B29" s="1"/>
      <c r="D29" s="1"/>
      <c r="E29">
        <v>4</v>
      </c>
      <c r="F29" s="1" t="s">
        <v>12</v>
      </c>
    </row>
    <row r="30" spans="1:6" x14ac:dyDescent="0.4">
      <c r="B30" s="1"/>
      <c r="D30" s="1"/>
      <c r="E30">
        <v>5</v>
      </c>
      <c r="F30" s="1" t="s">
        <v>13</v>
      </c>
    </row>
    <row r="31" spans="1:6" x14ac:dyDescent="0.4">
      <c r="B31" s="1"/>
      <c r="D31" s="1"/>
      <c r="E31">
        <v>6</v>
      </c>
      <c r="F31" s="1" t="s">
        <v>14</v>
      </c>
    </row>
    <row r="32" spans="1:6" x14ac:dyDescent="0.4">
      <c r="B32" s="1"/>
      <c r="D32" s="1"/>
      <c r="E32">
        <v>7</v>
      </c>
      <c r="F32" s="1" t="s">
        <v>15</v>
      </c>
    </row>
    <row r="33" spans="2:6" x14ac:dyDescent="0.4">
      <c r="B33" s="1"/>
      <c r="D33" s="1"/>
      <c r="E33">
        <v>8</v>
      </c>
      <c r="F33" s="1" t="s">
        <v>16</v>
      </c>
    </row>
    <row r="34" spans="2:6" x14ac:dyDescent="0.4">
      <c r="B34" s="1"/>
      <c r="D34" s="1"/>
      <c r="E34">
        <v>9</v>
      </c>
      <c r="F34" s="1" t="s">
        <v>17</v>
      </c>
    </row>
    <row r="35" spans="2:6" x14ac:dyDescent="0.4">
      <c r="B35" s="1"/>
      <c r="D35" s="1"/>
      <c r="E35">
        <v>10</v>
      </c>
      <c r="F35" s="1" t="s">
        <v>18</v>
      </c>
    </row>
    <row r="36" spans="2:6" x14ac:dyDescent="0.4">
      <c r="B36" s="1"/>
      <c r="D36" s="1"/>
      <c r="E36">
        <v>11</v>
      </c>
      <c r="F36" s="1" t="s">
        <v>19</v>
      </c>
    </row>
    <row r="37" spans="2:6" x14ac:dyDescent="0.4">
      <c r="B37" s="1"/>
      <c r="D37" s="1"/>
      <c r="E37">
        <v>12</v>
      </c>
      <c r="F37" s="1" t="s">
        <v>20</v>
      </c>
    </row>
    <row r="38" spans="2:6" x14ac:dyDescent="0.4">
      <c r="B38" s="1"/>
      <c r="D38" s="1"/>
      <c r="E38">
        <v>13</v>
      </c>
      <c r="F38" s="1" t="s">
        <v>21</v>
      </c>
    </row>
    <row r="39" spans="2:6" x14ac:dyDescent="0.4">
      <c r="B39" s="1"/>
      <c r="D39" s="1"/>
      <c r="E39">
        <v>14</v>
      </c>
      <c r="F39" s="1" t="s">
        <v>22</v>
      </c>
    </row>
    <row r="40" spans="2:6" x14ac:dyDescent="0.4">
      <c r="B40" s="1"/>
      <c r="D40" s="1"/>
      <c r="E40">
        <v>15</v>
      </c>
      <c r="F40" s="1" t="s">
        <v>23</v>
      </c>
    </row>
    <row r="41" spans="2:6" x14ac:dyDescent="0.4">
      <c r="B41" s="1"/>
      <c r="D41" s="1"/>
      <c r="E41">
        <v>16</v>
      </c>
      <c r="F41" s="1" t="s">
        <v>24</v>
      </c>
    </row>
    <row r="42" spans="2:6" x14ac:dyDescent="0.4">
      <c r="B42" s="1"/>
      <c r="D42" s="1"/>
      <c r="E42">
        <v>17</v>
      </c>
      <c r="F42" s="1" t="s">
        <v>25</v>
      </c>
    </row>
    <row r="43" spans="2:6" x14ac:dyDescent="0.4">
      <c r="B43" s="1"/>
      <c r="D43" s="1"/>
      <c r="E43">
        <v>18</v>
      </c>
      <c r="F43" s="1" t="s">
        <v>26</v>
      </c>
    </row>
    <row r="44" spans="2:6" x14ac:dyDescent="0.4">
      <c r="B44" s="1"/>
      <c r="D44" s="1"/>
      <c r="E44">
        <v>19</v>
      </c>
      <c r="F44" s="1" t="s">
        <v>27</v>
      </c>
    </row>
    <row r="45" spans="2:6" x14ac:dyDescent="0.4">
      <c r="B45" s="1"/>
      <c r="D45" s="1"/>
      <c r="E45">
        <v>20</v>
      </c>
      <c r="F45" s="1" t="s">
        <v>28</v>
      </c>
    </row>
    <row r="46" spans="2:6" x14ac:dyDescent="0.4">
      <c r="B46" s="1"/>
      <c r="D46" s="1"/>
      <c r="E46">
        <v>21</v>
      </c>
      <c r="F46" s="1" t="s">
        <v>29</v>
      </c>
    </row>
    <row r="47" spans="2:6" x14ac:dyDescent="0.4">
      <c r="B47" s="1"/>
      <c r="D47" s="1"/>
      <c r="E47">
        <v>22</v>
      </c>
      <c r="F47" s="1" t="s">
        <v>30</v>
      </c>
    </row>
    <row r="48" spans="2:6" x14ac:dyDescent="0.4">
      <c r="B48" s="1"/>
      <c r="D48" s="1"/>
      <c r="E48">
        <v>23</v>
      </c>
      <c r="F48" s="1" t="s">
        <v>31</v>
      </c>
    </row>
    <row r="49" spans="2:6" x14ac:dyDescent="0.4">
      <c r="B49" s="1"/>
      <c r="D49" s="1"/>
      <c r="E49">
        <v>24</v>
      </c>
      <c r="F49" s="1" t="s">
        <v>32</v>
      </c>
    </row>
  </sheetData>
  <phoneticPr fontId="18"/>
  <pageMargins left="0.7" right="0.7" top="0.75" bottom="0.75" header="0.3" footer="0.3"/>
  <tableParts count="1">
    <tablePart r:id="rId1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ReportSetting</vt:lpstr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391</cp:lastModifiedBy>
  <dcterms:created xsi:type="dcterms:W3CDTF">2024-02-23T02:13:12Z</dcterms:created>
  <dcterms:modified xsi:type="dcterms:W3CDTF">2024-02-28T12:39:41Z</dcterms:modified>
</cp:coreProperties>
</file>